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725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6\Poniżej 170 tys\50 inkubator otwarty\2 Zaproszenie\"/>
    </mc:Choice>
  </mc:AlternateContent>
  <xr:revisionPtr revIDLastSave="0" documentId="8_{94BFE50E-E03B-4F21-88CD-AFF8FF47B893}" xr6:coauthVersionLast="47" xr6:coauthVersionMax="47" xr10:uidLastSave="{00000000-0000-0000-0000-000000000000}"/>
  <bookViews>
    <workbookView xWindow="-120" yWindow="-120" windowWidth="29040" windowHeight="15720" xr2:uid="{C110537B-A030-4085-9524-48A51A73E354}"/>
  </bookViews>
  <sheets>
    <sheet name="formularz cenowy" sheetId="4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8" i="4" l="1"/>
  <c r="K8" i="4"/>
  <c r="K9" i="4"/>
  <c r="I8" i="4"/>
  <c r="I9" i="4"/>
  <c r="J8" i="4"/>
  <c r="G9" i="4"/>
</calcChain>
</file>

<file path=xl/sharedStrings.xml><?xml version="1.0" encoding="utf-8"?>
<sst xmlns="http://schemas.openxmlformats.org/spreadsheetml/2006/main" count="28" uniqueCount="27">
  <si>
    <t>A</t>
  </si>
  <si>
    <t>B</t>
  </si>
  <si>
    <t>Cena jednostkowa netto</t>
  </si>
  <si>
    <t>ilość</t>
  </si>
  <si>
    <t>Cena jednostkowa brutto</t>
  </si>
  <si>
    <t xml:space="preserve">Wartość netto </t>
  </si>
  <si>
    <t>D</t>
  </si>
  <si>
    <t>C = A*B</t>
  </si>
  <si>
    <t>L.p.</t>
  </si>
  <si>
    <t>Wartość netto</t>
  </si>
  <si>
    <t>E = F/A</t>
  </si>
  <si>
    <t>F = C+D</t>
  </si>
  <si>
    <t>Wymagany Przedmiot Zamówienia</t>
  </si>
  <si>
    <t>szt.</t>
  </si>
  <si>
    <t>Wartość brutto</t>
  </si>
  <si>
    <t>Wartość VAT</t>
  </si>
  <si>
    <t>jedn. miary</t>
  </si>
  <si>
    <t>`</t>
  </si>
  <si>
    <t xml:space="preserve">Załącznik nr 2 do Zaproszenia </t>
  </si>
  <si>
    <t xml:space="preserve">Producent, model, nr katalogowy, nazwa handlowa asortymentu (tożsama z nazwą która będzie widniała na fakturze)
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X</t>
  </si>
  <si>
    <t>Stawka VAT</t>
  </si>
  <si>
    <t>UWAGA! POWYŻSZY FORMULARZ CENOWY ZAWIERA AUTOMATYCZNE FUNKCJE - NALEŻY UZUPEŁNIĆ KOLUMNY X, B i V. ZAMAWIAJĄCY ZAZNACZA, ŻE NINIEJSZY FORMULARZ JEST TYLKO WZOREM I TO DO WYKONAWCY NALEŻY PRAWIDŁOWE OBLICZENIE CENY</t>
  </si>
  <si>
    <t>Wartośc brutto</t>
  </si>
  <si>
    <t>WZÓR FORMULARZA CENOWEGO - DZPZ/2651/50/2026</t>
  </si>
  <si>
    <t>Inkubator otwarty - stanowisko do resuscytacji wraz z nawilżaczem i monitorem hałas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6" formatCode="#,##0.00\ &quot;zł&quot;"/>
  </numFmts>
  <fonts count="11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sz val="10"/>
      <name val="Arial"/>
      <family val="2"/>
      <charset val="238"/>
    </font>
    <font>
      <b/>
      <i/>
      <sz val="10"/>
      <name val="Arial"/>
      <family val="2"/>
      <charset val="238"/>
    </font>
    <font>
      <b/>
      <sz val="9"/>
      <color indexed="10"/>
      <name val="Arial"/>
      <family val="2"/>
      <charset val="238"/>
    </font>
    <font>
      <b/>
      <sz val="9"/>
      <color indexed="17"/>
      <name val="Arial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37">
    <xf numFmtId="0" fontId="0" fillId="0" borderId="0" xfId="0"/>
    <xf numFmtId="0" fontId="0" fillId="0" borderId="0" xfId="0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3" fontId="5" fillId="0" borderId="1" xfId="0" applyNumberFormat="1" applyFont="1" applyBorder="1" applyAlignment="1">
      <alignment horizontal="center" vertical="center" wrapText="1"/>
    </xf>
    <xf numFmtId="166" fontId="5" fillId="0" borderId="1" xfId="0" applyNumberFormat="1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166" fontId="5" fillId="2" borderId="1" xfId="0" applyNumberFormat="1" applyFont="1" applyFill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9" fontId="5" fillId="0" borderId="1" xfId="1" applyFont="1" applyBorder="1" applyAlignment="1">
      <alignment horizontal="center" vertical="center" wrapText="1"/>
    </xf>
    <xf numFmtId="0" fontId="4" fillId="3" borderId="1" xfId="0" applyFont="1" applyFill="1" applyBorder="1" applyAlignment="1">
      <alignment horizontal="center" vertical="center"/>
    </xf>
    <xf numFmtId="166" fontId="5" fillId="3" borderId="1" xfId="0" applyNumberFormat="1" applyFont="1" applyFill="1" applyBorder="1" applyAlignment="1">
      <alignment horizontal="center" vertical="center" wrapText="1"/>
    </xf>
    <xf numFmtId="166" fontId="5" fillId="4" borderId="1" xfId="0" applyNumberFormat="1" applyFont="1" applyFill="1" applyBorder="1" applyAlignment="1">
      <alignment horizontal="center" vertical="center" wrapText="1"/>
    </xf>
    <xf numFmtId="0" fontId="9" fillId="5" borderId="1" xfId="0" applyFont="1" applyFill="1" applyBorder="1" applyAlignment="1">
      <alignment vertical="center" wrapText="1"/>
    </xf>
    <xf numFmtId="0" fontId="0" fillId="0" borderId="0" xfId="0" applyAlignment="1">
      <alignment vertical="center"/>
    </xf>
    <xf numFmtId="0" fontId="0" fillId="0" borderId="4" xfId="0" applyBorder="1" applyAlignment="1">
      <alignment vertical="center"/>
    </xf>
    <xf numFmtId="0" fontId="0" fillId="0" borderId="1" xfId="0" applyBorder="1" applyAlignment="1">
      <alignment vertical="center"/>
    </xf>
    <xf numFmtId="166" fontId="0" fillId="0" borderId="0" xfId="0" applyNumberFormat="1" applyAlignment="1">
      <alignment vertical="center"/>
    </xf>
    <xf numFmtId="0" fontId="4" fillId="3" borderId="1" xfId="0" applyFont="1" applyFill="1" applyBorder="1" applyAlignment="1">
      <alignment horizontal="center" vertical="center"/>
    </xf>
    <xf numFmtId="0" fontId="7" fillId="0" borderId="5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</cellXfs>
  <cellStyles count="2"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946D32-CAF2-477F-B0C6-BAEF32606E9D}">
  <dimension ref="A2:N32"/>
  <sheetViews>
    <sheetView tabSelected="1" workbookViewId="0">
      <selection activeCell="A10" sqref="A10:F11"/>
    </sheetView>
  </sheetViews>
  <sheetFormatPr defaultRowHeight="12.75" x14ac:dyDescent="0.2"/>
  <cols>
    <col min="1" max="1" width="4.85546875" style="18" customWidth="1"/>
    <col min="2" max="2" width="46" style="18" customWidth="1"/>
    <col min="3" max="3" width="34.42578125" style="18" customWidth="1"/>
    <col min="4" max="4" width="8.140625" style="18" customWidth="1"/>
    <col min="5" max="5" width="7.5703125" style="18" customWidth="1"/>
    <col min="6" max="6" width="14" style="18" customWidth="1"/>
    <col min="7" max="8" width="13.140625" style="18" customWidth="1"/>
    <col min="9" max="9" width="15.5703125" style="18" customWidth="1"/>
    <col min="10" max="10" width="18.42578125" style="18" customWidth="1"/>
    <col min="11" max="11" width="19.140625" style="18" customWidth="1"/>
    <col min="12" max="13" width="9.140625" style="18"/>
    <col min="14" max="14" width="18.85546875" style="18" customWidth="1"/>
    <col min="15" max="16384" width="9.140625" style="18"/>
  </cols>
  <sheetData>
    <row r="2" spans="1:14" x14ac:dyDescent="0.2">
      <c r="I2" s="19"/>
      <c r="J2" s="19"/>
      <c r="K2" s="19"/>
    </row>
    <row r="3" spans="1:14" ht="15.75" x14ac:dyDescent="0.2">
      <c r="A3" s="22" t="s">
        <v>25</v>
      </c>
      <c r="B3" s="22"/>
      <c r="C3" s="22"/>
      <c r="D3" s="22"/>
      <c r="E3" s="22"/>
      <c r="F3" s="22"/>
      <c r="G3" s="22"/>
      <c r="H3" s="14"/>
      <c r="I3" s="32" t="s">
        <v>18</v>
      </c>
      <c r="J3" s="32"/>
      <c r="K3" s="32"/>
    </row>
    <row r="4" spans="1:14" ht="15.75" x14ac:dyDescent="0.2">
      <c r="A4" s="22"/>
      <c r="B4" s="22"/>
      <c r="C4" s="22"/>
      <c r="D4" s="22"/>
      <c r="E4" s="22"/>
      <c r="F4" s="22"/>
      <c r="G4" s="22"/>
      <c r="H4" s="14"/>
      <c r="I4" s="32"/>
      <c r="J4" s="32"/>
      <c r="K4" s="32"/>
    </row>
    <row r="5" spans="1:14" ht="27.75" customHeight="1" x14ac:dyDescent="0.2">
      <c r="A5" s="31"/>
      <c r="B5" s="31"/>
      <c r="C5" s="31"/>
      <c r="D5" s="31"/>
      <c r="E5" s="31"/>
      <c r="F5" s="31"/>
      <c r="G5" s="31"/>
      <c r="H5" s="10"/>
      <c r="I5" s="32"/>
      <c r="J5" s="32"/>
      <c r="K5" s="32"/>
    </row>
    <row r="6" spans="1:14" x14ac:dyDescent="0.2">
      <c r="A6" s="20"/>
      <c r="B6" s="8"/>
      <c r="C6" s="6" t="s">
        <v>21</v>
      </c>
      <c r="D6" s="6"/>
      <c r="E6" s="6" t="s">
        <v>0</v>
      </c>
      <c r="F6" s="6" t="s">
        <v>1</v>
      </c>
      <c r="G6" s="6" t="s">
        <v>7</v>
      </c>
      <c r="H6" s="6"/>
      <c r="I6" s="6" t="s">
        <v>6</v>
      </c>
      <c r="J6" s="6" t="s">
        <v>10</v>
      </c>
      <c r="K6" s="6" t="s">
        <v>11</v>
      </c>
    </row>
    <row r="7" spans="1:14" ht="81" customHeight="1" x14ac:dyDescent="0.2">
      <c r="A7" s="6" t="s">
        <v>8</v>
      </c>
      <c r="B7" s="6" t="s">
        <v>12</v>
      </c>
      <c r="C7" s="6" t="s">
        <v>19</v>
      </c>
      <c r="D7" s="6" t="s">
        <v>16</v>
      </c>
      <c r="E7" s="6" t="s">
        <v>3</v>
      </c>
      <c r="F7" s="6" t="s">
        <v>2</v>
      </c>
      <c r="G7" s="6" t="s">
        <v>5</v>
      </c>
      <c r="H7" s="6" t="s">
        <v>22</v>
      </c>
      <c r="I7" s="6" t="s">
        <v>15</v>
      </c>
      <c r="J7" s="7" t="s">
        <v>4</v>
      </c>
      <c r="K7" s="6" t="s">
        <v>14</v>
      </c>
      <c r="L7" s="1"/>
      <c r="M7" s="1"/>
    </row>
    <row r="8" spans="1:14" ht="64.5" customHeight="1" x14ac:dyDescent="0.2">
      <c r="A8" s="2">
        <v>1</v>
      </c>
      <c r="B8" s="17" t="s">
        <v>26</v>
      </c>
      <c r="C8" s="3"/>
      <c r="D8" s="3" t="s">
        <v>13</v>
      </c>
      <c r="E8" s="4">
        <v>1</v>
      </c>
      <c r="F8" s="5">
        <v>0</v>
      </c>
      <c r="G8" s="5">
        <f>F8*E8</f>
        <v>0</v>
      </c>
      <c r="H8" s="13">
        <v>0</v>
      </c>
      <c r="I8" s="5">
        <f>G8*H8</f>
        <v>0</v>
      </c>
      <c r="J8" s="5">
        <f>F8*H8+F8</f>
        <v>0</v>
      </c>
      <c r="K8" s="5">
        <f>G8+I8</f>
        <v>0</v>
      </c>
      <c r="L8" s="1"/>
      <c r="M8" s="1"/>
      <c r="N8" s="21"/>
    </row>
    <row r="9" spans="1:14" ht="19.5" customHeight="1" x14ac:dyDescent="0.2">
      <c r="A9" s="35"/>
      <c r="B9" s="36"/>
      <c r="C9" s="36"/>
      <c r="D9" s="36"/>
      <c r="E9" s="36"/>
      <c r="F9" s="9" t="s">
        <v>9</v>
      </c>
      <c r="G9" s="9">
        <f>SUM(G8:G8)</f>
        <v>0</v>
      </c>
      <c r="H9" s="15" t="s">
        <v>15</v>
      </c>
      <c r="I9" s="15">
        <f>SUM(I8:I8)</f>
        <v>0</v>
      </c>
      <c r="J9" s="16" t="s">
        <v>24</v>
      </c>
      <c r="K9" s="16">
        <f>SUM(K8:K8)</f>
        <v>0</v>
      </c>
      <c r="L9" s="1"/>
      <c r="M9" s="1"/>
      <c r="N9" s="21"/>
    </row>
    <row r="10" spans="1:14" ht="12.75" customHeight="1" x14ac:dyDescent="0.2">
      <c r="A10" s="23" t="s">
        <v>23</v>
      </c>
      <c r="B10" s="23"/>
      <c r="C10" s="23"/>
      <c r="D10" s="23"/>
      <c r="E10" s="23"/>
      <c r="F10" s="23"/>
      <c r="G10" s="33"/>
      <c r="H10" s="11"/>
      <c r="I10" s="25" t="s">
        <v>17</v>
      </c>
      <c r="J10" s="26"/>
      <c r="K10" s="27"/>
      <c r="L10" s="1"/>
      <c r="M10" s="1"/>
    </row>
    <row r="11" spans="1:14" ht="31.5" customHeight="1" x14ac:dyDescent="0.2">
      <c r="A11" s="23"/>
      <c r="B11" s="23"/>
      <c r="C11" s="23"/>
      <c r="D11" s="23"/>
      <c r="E11" s="23"/>
      <c r="F11" s="23"/>
      <c r="G11" s="33"/>
      <c r="H11" s="11"/>
      <c r="I11" s="25"/>
      <c r="J11" s="26"/>
      <c r="K11" s="27"/>
      <c r="L11" s="1"/>
      <c r="M11" s="1"/>
    </row>
    <row r="12" spans="1:14" ht="74.25" customHeight="1" x14ac:dyDescent="0.2">
      <c r="A12" s="24" t="s">
        <v>20</v>
      </c>
      <c r="B12" s="24"/>
      <c r="C12" s="24"/>
      <c r="D12" s="24"/>
      <c r="E12" s="24"/>
      <c r="F12" s="24"/>
      <c r="G12" s="34"/>
      <c r="H12" s="12"/>
      <c r="I12" s="28"/>
      <c r="J12" s="29"/>
      <c r="K12" s="30"/>
      <c r="L12" s="1"/>
      <c r="M12" s="1"/>
    </row>
    <row r="13" spans="1:14" x14ac:dyDescent="0.2"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</row>
    <row r="14" spans="1:14" ht="12" customHeight="1" x14ac:dyDescent="0.2"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</row>
    <row r="15" spans="1:14" x14ac:dyDescent="0.2"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</row>
    <row r="16" spans="1:14" x14ac:dyDescent="0.2"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</row>
    <row r="17" spans="2:13" x14ac:dyDescent="0.2"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</row>
    <row r="18" spans="2:13" x14ac:dyDescent="0.2"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</row>
    <row r="19" spans="2:13" x14ac:dyDescent="0.2"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</row>
    <row r="20" spans="2:13" x14ac:dyDescent="0.2"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</row>
    <row r="21" spans="2:13" x14ac:dyDescent="0.2"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</row>
    <row r="22" spans="2:13" x14ac:dyDescent="0.2"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</row>
    <row r="23" spans="2:13" x14ac:dyDescent="0.2"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</row>
    <row r="24" spans="2:13" x14ac:dyDescent="0.2"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</row>
    <row r="25" spans="2:13" x14ac:dyDescent="0.2"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</row>
    <row r="26" spans="2:13" x14ac:dyDescent="0.2"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</row>
    <row r="27" spans="2:13" x14ac:dyDescent="0.2"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</row>
    <row r="28" spans="2:13" x14ac:dyDescent="0.2"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</row>
    <row r="29" spans="2:13" x14ac:dyDescent="0.2"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</row>
    <row r="30" spans="2:13" x14ac:dyDescent="0.2"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</row>
    <row r="31" spans="2:13" x14ac:dyDescent="0.2"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</row>
    <row r="32" spans="2:13" x14ac:dyDescent="0.2"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</row>
  </sheetData>
  <mergeCells count="8">
    <mergeCell ref="A3:G4"/>
    <mergeCell ref="A10:F11"/>
    <mergeCell ref="A12:F12"/>
    <mergeCell ref="I10:K12"/>
    <mergeCell ref="A5:G5"/>
    <mergeCell ref="I3:K5"/>
    <mergeCell ref="G10:G12"/>
    <mergeCell ref="A9:E9"/>
  </mergeCells>
  <phoneticPr fontId="2" type="noConversion"/>
  <pageMargins left="0.25" right="0.25" top="0.75" bottom="0.75" header="0.3" footer="0.3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 cenow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S</dc:creator>
  <cp:lastModifiedBy>Anna Narloch-Scharnowska</cp:lastModifiedBy>
  <cp:lastPrinted>2026-03-25T06:03:30Z</cp:lastPrinted>
  <dcterms:created xsi:type="dcterms:W3CDTF">2012-02-10T11:34:38Z</dcterms:created>
  <dcterms:modified xsi:type="dcterms:W3CDTF">2026-03-25T06:06:03Z</dcterms:modified>
</cp:coreProperties>
</file>